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4\04_給付G\様式・手引き等\様式（資格）\20250901\"/>
    </mc:Choice>
  </mc:AlternateContent>
  <bookViews>
    <workbookView xWindow="480" yWindow="36" windowWidth="8484" windowHeight="4728"/>
  </bookViews>
  <sheets>
    <sheet name="給与等支払証明書" sheetId="4" r:id="rId1"/>
  </sheets>
  <definedNames>
    <definedName name="_xlnm.Print_Area" localSheetId="0">給与等支払証明書!$A$1:$J$44</definedName>
  </definedNames>
  <calcPr calcId="162913"/>
</workbook>
</file>

<file path=xl/sharedStrings.xml><?xml version="1.0" encoding="utf-8"?>
<sst xmlns="http://schemas.openxmlformats.org/spreadsheetml/2006/main" count="99" uniqueCount="43">
  <si>
    <t>事業所名</t>
    <rPh sb="0" eb="3">
      <t>ジギョウショ</t>
    </rPh>
    <rPh sb="3" eb="4">
      <t>メイ</t>
    </rPh>
    <phoneticPr fontId="1"/>
  </si>
  <si>
    <t>給与等の支払状況を上記のとおり証明します。</t>
    <rPh sb="0" eb="2">
      <t>キュウヨ</t>
    </rPh>
    <rPh sb="2" eb="3">
      <t>トウ</t>
    </rPh>
    <rPh sb="4" eb="6">
      <t>シハライ</t>
    </rPh>
    <rPh sb="6" eb="8">
      <t>ジョウキョウ</t>
    </rPh>
    <rPh sb="9" eb="11">
      <t>ジョウキ</t>
    </rPh>
    <rPh sb="15" eb="17">
      <t>ショウメイ</t>
    </rPh>
    <phoneticPr fontId="1"/>
  </si>
  <si>
    <t>被用者氏名</t>
    <rPh sb="0" eb="1">
      <t>ヒ</t>
    </rPh>
    <rPh sb="1" eb="2">
      <t>ヨウ</t>
    </rPh>
    <rPh sb="2" eb="3">
      <t>シャ</t>
    </rPh>
    <rPh sb="3" eb="5">
      <t>シメイ</t>
    </rPh>
    <phoneticPr fontId="1"/>
  </si>
  <si>
    <t>支給日</t>
    <rPh sb="0" eb="3">
      <t>シキュウビ</t>
    </rPh>
    <phoneticPr fontId="1"/>
  </si>
  <si>
    <t>合計</t>
    <rPh sb="0" eb="2">
      <t>ゴウケイ</t>
    </rPh>
    <phoneticPr fontId="1"/>
  </si>
  <si>
    <t>　年　　　　月　　　　日</t>
    <rPh sb="1" eb="2">
      <t>ネン</t>
    </rPh>
    <rPh sb="6" eb="7">
      <t>ガツ</t>
    </rPh>
    <rPh sb="11" eb="12">
      <t>ニチ</t>
    </rPh>
    <phoneticPr fontId="1"/>
  </si>
  <si>
    <t>事業所名</t>
    <rPh sb="0" eb="2">
      <t>ジギョウ</t>
    </rPh>
    <rPh sb="2" eb="3">
      <t>トコロ</t>
    </rPh>
    <rPh sb="3" eb="4">
      <t>メイ</t>
    </rPh>
    <phoneticPr fontId="1"/>
  </si>
  <si>
    <t>勤務日数※</t>
    <rPh sb="0" eb="2">
      <t>キンム</t>
    </rPh>
    <rPh sb="2" eb="4">
      <t>ニッスウ</t>
    </rPh>
    <phoneticPr fontId="1"/>
  </si>
  <si>
    <t>給料※</t>
    <rPh sb="0" eb="2">
      <t>キュウリョウ</t>
    </rPh>
    <phoneticPr fontId="1"/>
  </si>
  <si>
    <t>通勤手当※</t>
    <rPh sb="0" eb="2">
      <t>ツウキン</t>
    </rPh>
    <rPh sb="2" eb="4">
      <t>テアテ</t>
    </rPh>
    <phoneticPr fontId="1"/>
  </si>
  <si>
    <t>就職(雇用開始）日</t>
    <rPh sb="0" eb="2">
      <t>シュウショク</t>
    </rPh>
    <rPh sb="3" eb="5">
      <t>コヨウ</t>
    </rPh>
    <rPh sb="5" eb="7">
      <t>カイシ</t>
    </rPh>
    <rPh sb="8" eb="9">
      <t>ヒ</t>
    </rPh>
    <phoneticPr fontId="1"/>
  </si>
  <si>
    <t>健康保険適用の有無※</t>
    <rPh sb="0" eb="2">
      <t>ケンコウ</t>
    </rPh>
    <rPh sb="2" eb="4">
      <t>ホケン</t>
    </rPh>
    <rPh sb="4" eb="6">
      <t>テキヨウ</t>
    </rPh>
    <rPh sb="7" eb="9">
      <t>ウム</t>
    </rPh>
    <phoneticPr fontId="1"/>
  </si>
  <si>
    <t>退職(雇用終了)日</t>
    <rPh sb="0" eb="2">
      <t>タイショク</t>
    </rPh>
    <rPh sb="3" eb="5">
      <t>コヨウ</t>
    </rPh>
    <rPh sb="5" eb="7">
      <t>シュウリョウ</t>
    </rPh>
    <rPh sb="8" eb="9">
      <t>ヒ</t>
    </rPh>
    <phoneticPr fontId="1"/>
  </si>
  <si>
    <t>事業主名</t>
    <rPh sb="0" eb="2">
      <t>ジギョウ</t>
    </rPh>
    <rPh sb="2" eb="3">
      <t>ヌシ</t>
    </rPh>
    <rPh sb="3" eb="4">
      <t>ナ</t>
    </rPh>
    <phoneticPr fontId="1"/>
  </si>
  <si>
    <t>公立学校共済組合神奈川支部長　様</t>
    <rPh sb="0" eb="2">
      <t>コウリツ</t>
    </rPh>
    <rPh sb="2" eb="4">
      <t>ガッコウ</t>
    </rPh>
    <rPh sb="4" eb="6">
      <t>キョウサイ</t>
    </rPh>
    <rPh sb="6" eb="8">
      <t>クミアイ</t>
    </rPh>
    <rPh sb="8" eb="11">
      <t>カナガワ</t>
    </rPh>
    <rPh sb="11" eb="13">
      <t>シブ</t>
    </rPh>
    <rPh sb="13" eb="14">
      <t>チョウ</t>
    </rPh>
    <rPh sb="15" eb="16">
      <t>サマ</t>
    </rPh>
    <phoneticPr fontId="1"/>
  </si>
  <si>
    <t>　　　　　　　年　　　　月　　　　日</t>
    <rPh sb="7" eb="8">
      <t>ネン</t>
    </rPh>
    <rPh sb="12" eb="13">
      <t>ガツ</t>
    </rPh>
    <rPh sb="17" eb="18">
      <t>ヒ</t>
    </rPh>
    <phoneticPr fontId="1"/>
  </si>
  <si>
    <t>，</t>
    <phoneticPr fontId="1"/>
  </si>
  <si>
    <t>事業所の印</t>
    <rPh sb="0" eb="3">
      <t>ジギョウショ</t>
    </rPh>
    <rPh sb="4" eb="5">
      <t>イン</t>
    </rPh>
    <phoneticPr fontId="1"/>
  </si>
  <si>
    <t>事業所住所</t>
    <rPh sb="0" eb="2">
      <t>ジギョウ</t>
    </rPh>
    <rPh sb="2" eb="3">
      <t>トコロ</t>
    </rPh>
    <rPh sb="3" eb="5">
      <t>ジュウショ</t>
    </rPh>
    <phoneticPr fontId="1"/>
  </si>
  <si>
    <t>該当箇所に必要事項を記入してください。※の箇所には○印を記入してください。</t>
    <rPh sb="21" eb="23">
      <t>カショ</t>
    </rPh>
    <phoneticPr fontId="1"/>
  </si>
  <si>
    <t>事業所の印を必ず押印してください。</t>
    <rPh sb="0" eb="3">
      <t>ジギョウショ</t>
    </rPh>
    <rPh sb="4" eb="5">
      <t>イン</t>
    </rPh>
    <rPh sb="6" eb="7">
      <t>カナラ</t>
    </rPh>
    <rPh sb="8" eb="10">
      <t>オウイン</t>
    </rPh>
    <phoneticPr fontId="1"/>
  </si>
  <si>
    <t>給与等支払証明書</t>
    <rPh sb="0" eb="2">
      <t>キュウヨ</t>
    </rPh>
    <rPh sb="2" eb="3">
      <t>トウ</t>
    </rPh>
    <rPh sb="3" eb="5">
      <t>シハライ</t>
    </rPh>
    <rPh sb="5" eb="8">
      <t>ショウメイショ</t>
    </rPh>
    <phoneticPr fontId="1"/>
  </si>
  <si>
    <t>　㊞</t>
    <phoneticPr fontId="1"/>
  </si>
  <si>
    <t>支給がなかった月は、空白にせず「０（ゼロ）」と記入してください。</t>
    <rPh sb="0" eb="2">
      <t>シキュウ</t>
    </rPh>
    <rPh sb="7" eb="8">
      <t>ツキ</t>
    </rPh>
    <rPh sb="10" eb="12">
      <t>クウハク</t>
    </rPh>
    <rPh sb="23" eb="25">
      <t>キニュウ</t>
    </rPh>
    <phoneticPr fontId="1"/>
  </si>
  <si>
    <t>賞与額（円）</t>
    <rPh sb="0" eb="2">
      <t>ショウヨ</t>
    </rPh>
    <rPh sb="2" eb="3">
      <t>ガク</t>
    </rPh>
    <rPh sb="4" eb="5">
      <t>エン</t>
    </rPh>
    <phoneticPr fontId="1"/>
  </si>
  <si>
    <t xml:space="preserve">    　年   　月分　　</t>
    <rPh sb="5" eb="6">
      <t>ネン</t>
    </rPh>
    <rPh sb="10" eb="12">
      <t>ガツブン</t>
    </rPh>
    <phoneticPr fontId="1"/>
  </si>
  <si>
    <t xml:space="preserve">       年    月    日</t>
    <rPh sb="7" eb="8">
      <t>ネン</t>
    </rPh>
    <rPh sb="12" eb="13">
      <t>ガツ</t>
    </rPh>
    <rPh sb="17" eb="18">
      <t>ニチ</t>
    </rPh>
    <phoneticPr fontId="1"/>
  </si>
  <si>
    <t>総支給額（円）</t>
    <phoneticPr fontId="1"/>
  </si>
  <si>
    <t>（給料・諸手当・税金・通勤手当・諸手当等を含む）</t>
    <rPh sb="11" eb="13">
      <t>ツウキン</t>
    </rPh>
    <rPh sb="13" eb="15">
      <t>テアテ</t>
    </rPh>
    <rPh sb="16" eb="19">
      <t>ショテアテ</t>
    </rPh>
    <rPh sb="19" eb="20">
      <t>トウ</t>
    </rPh>
    <rPh sb="21" eb="22">
      <t>フク</t>
    </rPh>
    <phoneticPr fontId="1"/>
  </si>
  <si>
    <t>給　与　等　支　給　総　額</t>
    <rPh sb="0" eb="1">
      <t>キュウ</t>
    </rPh>
    <rPh sb="2" eb="3">
      <t>アタエ</t>
    </rPh>
    <rPh sb="4" eb="5">
      <t>トウ</t>
    </rPh>
    <rPh sb="6" eb="7">
      <t>ササ</t>
    </rPh>
    <rPh sb="8" eb="9">
      <t>キュウ</t>
    </rPh>
    <rPh sb="10" eb="11">
      <t>フサ</t>
    </rPh>
    <rPh sb="12" eb="13">
      <t>ガク</t>
    </rPh>
    <phoneticPr fontId="1"/>
  </si>
  <si>
    <r>
      <t>　有　・　無　　　「有」の場合</t>
    </r>
    <r>
      <rPr>
        <sz val="6"/>
        <rFont val="ＭＳ 明朝"/>
        <family val="1"/>
        <charset val="128"/>
      </rPr>
      <t xml:space="preserve"> </t>
    </r>
    <r>
      <rPr>
        <sz val="11"/>
        <rFont val="ＭＳ 明朝"/>
        <family val="1"/>
        <charset val="128"/>
      </rPr>
      <t>➡</t>
    </r>
    <r>
      <rPr>
        <sz val="6"/>
        <rFont val="ＭＳ 明朝"/>
        <family val="1"/>
        <charset val="128"/>
      </rPr>
      <t xml:space="preserve"> </t>
    </r>
    <r>
      <rPr>
        <sz val="11"/>
        <rFont val="ＭＳ 明朝"/>
        <family val="1"/>
        <charset val="128"/>
      </rPr>
      <t xml:space="preserve">健康保険加入日　　　　年　　　　月　　　　日       </t>
    </r>
    <rPh sb="1" eb="2">
      <t>ユウ</t>
    </rPh>
    <rPh sb="5" eb="6">
      <t>ム</t>
    </rPh>
    <phoneticPr fontId="1"/>
  </si>
  <si>
    <t>／　月　・　週　　、　不定期　</t>
  </si>
  <si>
    <t>／　月　・　週　・　日　・　時間</t>
  </si>
  <si>
    <t>／　月　・　週　・　日　、　無　、不定</t>
  </si>
  <si>
    <t>（　　　　 　　　　　円）</t>
    <rPh sb="11" eb="12">
      <t>エン</t>
    </rPh>
    <phoneticPr fontId="1"/>
  </si>
  <si>
    <t>（　　　　 　　　　　円）</t>
    <phoneticPr fontId="1"/>
  </si>
  <si>
    <t>（     　　　　　 　 日）</t>
    <rPh sb="14" eb="15">
      <t>ニチ</t>
    </rPh>
    <phoneticPr fontId="1"/>
  </si>
  <si>
    <t>生年月日</t>
    <phoneticPr fontId="1"/>
  </si>
  <si>
    <t xml:space="preserve"> 　    年　　　　月　　　　日  </t>
    <phoneticPr fontId="1"/>
  </si>
  <si>
    <t>総支給額（給料・諸手当・税金・通勤手当・諸手当等を含む）及び賞与額を記入してください。</t>
    <rPh sb="0" eb="1">
      <t>ソウ</t>
    </rPh>
    <rPh sb="1" eb="4">
      <t>シキュウガク</t>
    </rPh>
    <rPh sb="5" eb="7">
      <t>キュウリョウ</t>
    </rPh>
    <rPh sb="8" eb="11">
      <t>ショテアテ</t>
    </rPh>
    <rPh sb="12" eb="14">
      <t>ゼイキン</t>
    </rPh>
    <rPh sb="15" eb="17">
      <t>ツウキン</t>
    </rPh>
    <rPh sb="17" eb="19">
      <t>テアテ</t>
    </rPh>
    <rPh sb="20" eb="23">
      <t>ショテアテ</t>
    </rPh>
    <rPh sb="23" eb="24">
      <t>トウ</t>
    </rPh>
    <rPh sb="25" eb="26">
      <t>フク</t>
    </rPh>
    <rPh sb="28" eb="29">
      <t>オヨ</t>
    </rPh>
    <rPh sb="30" eb="32">
      <t>ショウヨ</t>
    </rPh>
    <rPh sb="32" eb="33">
      <t>ガク</t>
    </rPh>
    <rPh sb="34" eb="36">
      <t>キニュウ</t>
    </rPh>
    <phoneticPr fontId="1"/>
  </si>
  <si>
    <t>事業所電話番号</t>
    <rPh sb="3" eb="5">
      <t>デンワ</t>
    </rPh>
    <rPh sb="5" eb="7">
      <t>バンゴウ</t>
    </rPh>
    <phoneticPr fontId="1"/>
  </si>
  <si>
    <t>勤務年月</t>
    <rPh sb="0" eb="2">
      <t>キンム</t>
    </rPh>
    <rPh sb="2" eb="4">
      <t>ネンゲツ</t>
    </rPh>
    <phoneticPr fontId="1"/>
  </si>
  <si>
    <t>原本を提出してください。</t>
    <rPh sb="0" eb="2">
      <t>ゲンポン</t>
    </rPh>
    <rPh sb="3" eb="5">
      <t>テイシュ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5"/>
      <name val="ＭＳ ゴシック"/>
      <family val="3"/>
      <charset val="128"/>
    </font>
    <font>
      <b/>
      <sz val="1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11"/>
      <name val="ＭＳ Ｐゴシック"/>
      <family val="3"/>
      <charset val="128"/>
      <scheme val="major"/>
    </font>
    <font>
      <b/>
      <sz val="18"/>
      <name val="ＭＳ Ｐゴシック"/>
      <family val="3"/>
      <charset val="128"/>
      <scheme val="major"/>
    </font>
    <font>
      <u/>
      <sz val="11"/>
      <name val="ＭＳ Ｐゴシック"/>
      <family val="3"/>
      <charset val="128"/>
      <scheme val="major"/>
    </font>
    <font>
      <sz val="16"/>
      <name val="ＭＳ 明朝"/>
      <family val="1"/>
      <charset val="128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91">
    <xf numFmtId="0" fontId="0" fillId="0" borderId="0" xfId="0"/>
    <xf numFmtId="0" fontId="8" fillId="0" borderId="0" xfId="0" applyFont="1" applyAlignment="1">
      <alignment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Alignment="1">
      <alignment horizontal="right" vertical="top"/>
    </xf>
    <xf numFmtId="0" fontId="0" fillId="0" borderId="0" xfId="0" applyAlignment="1">
      <alignment horizontal="right"/>
    </xf>
    <xf numFmtId="0" fontId="8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right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vertical="center"/>
    </xf>
    <xf numFmtId="0" fontId="7" fillId="0" borderId="2" xfId="0" applyFont="1" applyBorder="1" applyAlignment="1">
      <alignment horizontal="right" vertical="center"/>
    </xf>
    <xf numFmtId="0" fontId="5" fillId="0" borderId="5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5" fillId="0" borderId="6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5" fillId="0" borderId="8" xfId="0" applyFont="1" applyBorder="1" applyAlignment="1">
      <alignment vertical="center"/>
    </xf>
    <xf numFmtId="0" fontId="5" fillId="0" borderId="2" xfId="0" applyFont="1" applyBorder="1" applyAlignment="1">
      <alignment vertical="center"/>
    </xf>
    <xf numFmtId="0" fontId="5" fillId="0" borderId="9" xfId="0" applyFont="1" applyBorder="1" applyAlignment="1">
      <alignment vertical="center"/>
    </xf>
    <xf numFmtId="0" fontId="5" fillId="0" borderId="0" xfId="0" applyFont="1" applyBorder="1" applyAlignment="1">
      <alignment horizontal="right" vertical="center"/>
    </xf>
    <xf numFmtId="0" fontId="5" fillId="0" borderId="10" xfId="0" applyFont="1" applyBorder="1" applyAlignment="1">
      <alignment horizontal="right" vertical="center"/>
    </xf>
    <xf numFmtId="0" fontId="5" fillId="0" borderId="5" xfId="0" applyFont="1" applyBorder="1" applyAlignment="1">
      <alignment horizontal="right" vertical="center"/>
    </xf>
    <xf numFmtId="0" fontId="5" fillId="0" borderId="11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0" fontId="4" fillId="0" borderId="2" xfId="0" applyFont="1" applyBorder="1" applyAlignment="1">
      <alignment vertical="center"/>
    </xf>
    <xf numFmtId="0" fontId="5" fillId="0" borderId="13" xfId="0" applyFont="1" applyBorder="1" applyAlignment="1">
      <alignment horizontal="center" vertical="center" textRotation="255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13" xfId="0" applyFont="1" applyBorder="1" applyAlignment="1">
      <alignment vertical="center"/>
    </xf>
    <xf numFmtId="0" fontId="5" fillId="0" borderId="0" xfId="0" applyFont="1" applyFill="1" applyBorder="1" applyAlignment="1">
      <alignment horizontal="left" vertical="center"/>
    </xf>
    <xf numFmtId="0" fontId="5" fillId="0" borderId="0" xfId="0" applyFont="1" applyBorder="1" applyAlignment="1">
      <alignment vertical="center"/>
    </xf>
    <xf numFmtId="0" fontId="5" fillId="0" borderId="0" xfId="0" applyFont="1" applyBorder="1" applyAlignment="1">
      <alignment horizontal="left" vertical="center"/>
    </xf>
    <xf numFmtId="0" fontId="5" fillId="0" borderId="13" xfId="0" applyFont="1" applyBorder="1" applyAlignment="1">
      <alignment horizontal="left" vertical="center"/>
    </xf>
    <xf numFmtId="0" fontId="5" fillId="0" borderId="7" xfId="0" applyFont="1" applyBorder="1" applyAlignment="1">
      <alignment horizontal="left" vertical="center"/>
    </xf>
    <xf numFmtId="0" fontId="5" fillId="0" borderId="14" xfId="0" applyFont="1" applyBorder="1" applyAlignment="1">
      <alignment horizontal="left" vertical="center"/>
    </xf>
    <xf numFmtId="0" fontId="5" fillId="0" borderId="15" xfId="0" applyFont="1" applyBorder="1" applyAlignment="1">
      <alignment horizontal="left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2" xfId="0" applyFont="1" applyBorder="1" applyAlignment="1">
      <alignment horizontal="left" vertical="center"/>
    </xf>
    <xf numFmtId="0" fontId="11" fillId="0" borderId="7" xfId="0" applyFont="1" applyBorder="1" applyAlignment="1">
      <alignment horizontal="left" vertical="center"/>
    </xf>
    <xf numFmtId="0" fontId="4" fillId="0" borderId="0" xfId="0" applyFont="1" applyAlignment="1">
      <alignment vertical="center"/>
    </xf>
    <xf numFmtId="0" fontId="5" fillId="0" borderId="26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3" fillId="0" borderId="0" xfId="0" applyFont="1" applyAlignment="1">
      <alignment horizontal="center"/>
    </xf>
    <xf numFmtId="0" fontId="5" fillId="0" borderId="21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12" fillId="0" borderId="23" xfId="0" applyFont="1" applyBorder="1" applyAlignment="1">
      <alignment horizontal="center" vertical="center"/>
    </xf>
    <xf numFmtId="0" fontId="12" fillId="0" borderId="24" xfId="0" applyFont="1" applyBorder="1" applyAlignment="1">
      <alignment horizontal="center" vertical="center"/>
    </xf>
    <xf numFmtId="0" fontId="12" fillId="0" borderId="25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4" xfId="0" applyFont="1" applyBorder="1" applyAlignment="1">
      <alignment horizontal="right" vertical="center"/>
    </xf>
    <xf numFmtId="0" fontId="5" fillId="0" borderId="2" xfId="0" applyFont="1" applyBorder="1" applyAlignment="1">
      <alignment horizontal="right" vertical="center"/>
    </xf>
    <xf numFmtId="0" fontId="5" fillId="0" borderId="3" xfId="0" applyFont="1" applyBorder="1" applyAlignment="1">
      <alignment horizontal="right" vertical="center"/>
    </xf>
    <xf numFmtId="0" fontId="5" fillId="0" borderId="27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4" xfId="0" applyFont="1" applyBorder="1" applyAlignment="1">
      <alignment horizontal="left" vertical="center"/>
    </xf>
    <xf numFmtId="0" fontId="5" fillId="0" borderId="2" xfId="0" applyFont="1" applyBorder="1" applyAlignment="1">
      <alignment horizontal="left" vertical="center"/>
    </xf>
    <xf numFmtId="0" fontId="5" fillId="0" borderId="3" xfId="0" applyFont="1" applyBorder="1" applyAlignment="1">
      <alignment horizontal="left" vertical="center"/>
    </xf>
    <xf numFmtId="0" fontId="5" fillId="0" borderId="11" xfId="0" applyFont="1" applyBorder="1" applyAlignment="1">
      <alignment horizontal="center" vertical="top" wrapText="1"/>
    </xf>
    <xf numFmtId="0" fontId="5" fillId="0" borderId="17" xfId="0" applyFont="1" applyBorder="1" applyAlignment="1">
      <alignment horizontal="center" vertical="top" wrapText="1"/>
    </xf>
    <xf numFmtId="0" fontId="5" fillId="0" borderId="28" xfId="0" applyFont="1" applyBorder="1" applyAlignment="1">
      <alignment horizontal="center" vertical="top" wrapText="1"/>
    </xf>
    <xf numFmtId="0" fontId="5" fillId="0" borderId="5" xfId="0" applyFont="1" applyBorder="1" applyAlignment="1">
      <alignment horizontal="left" vertical="center"/>
    </xf>
    <xf numFmtId="0" fontId="5" fillId="0" borderId="6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5" fillId="0" borderId="18" xfId="0" applyFont="1" applyBorder="1" applyAlignment="1">
      <alignment horizontal="center" vertical="center" textRotation="255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5" fillId="0" borderId="30" xfId="0" applyFont="1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5" fillId="0" borderId="15" xfId="0" applyFont="1" applyBorder="1" applyAlignment="1">
      <alignment horizontal="left" vertical="center"/>
    </xf>
    <xf numFmtId="0" fontId="5" fillId="0" borderId="32" xfId="0" applyFont="1" applyBorder="1" applyAlignment="1">
      <alignment horizontal="left" vertical="center"/>
    </xf>
    <xf numFmtId="0" fontId="10" fillId="0" borderId="0" xfId="0" applyFont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4" fillId="0" borderId="4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3340</xdr:colOff>
      <xdr:row>0</xdr:row>
      <xdr:rowOff>0</xdr:rowOff>
    </xdr:from>
    <xdr:to>
      <xdr:col>3</xdr:col>
      <xdr:colOff>45720</xdr:colOff>
      <xdr:row>1</xdr:row>
      <xdr:rowOff>45720</xdr:rowOff>
    </xdr:to>
    <xdr:grpSp>
      <xdr:nvGrpSpPr>
        <xdr:cNvPr id="1053" name="Group 6"/>
        <xdr:cNvGrpSpPr>
          <a:grpSpLocks noChangeAspect="1"/>
        </xdr:cNvGrpSpPr>
      </xdr:nvGrpSpPr>
      <xdr:grpSpPr bwMode="auto">
        <a:xfrm>
          <a:off x="53340" y="0"/>
          <a:ext cx="1668780" cy="274320"/>
          <a:chOff x="7" y="0"/>
          <a:chExt cx="208" cy="34"/>
        </a:xfrm>
      </xdr:grpSpPr>
      <xdr:sp macro="" textlink="">
        <xdr:nvSpPr>
          <xdr:cNvPr id="1054" name="AutoShape 5"/>
          <xdr:cNvSpPr>
            <a:spLocks noChangeAspect="1" noChangeArrowheads="1" noTextEdit="1"/>
          </xdr:cNvSpPr>
        </xdr:nvSpPr>
        <xdr:spPr bwMode="auto">
          <a:xfrm>
            <a:off x="7" y="0"/>
            <a:ext cx="208" cy="3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sp>
      <xdr:sp macro="" textlink="">
        <xdr:nvSpPr>
          <xdr:cNvPr id="1031" name="Rectangle 7"/>
          <xdr:cNvSpPr>
            <a:spLocks noChangeArrowheads="1"/>
          </xdr:cNvSpPr>
        </xdr:nvSpPr>
        <xdr:spPr bwMode="auto">
          <a:xfrm>
            <a:off x="10" y="7"/>
            <a:ext cx="200" cy="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  <xdr:txBody>
          <a:bodyPr wrap="square" lIns="0" tIns="0" rIns="0" bIns="0" anchor="t">
            <a:spAutoFit/>
          </a:bodyPr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（給付様式第</a:t>
            </a:r>
            <a:r>
              <a:rPr lang="en-US" altLang="ja-JP"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2</a:t>
            </a: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-</a:t>
            </a:r>
            <a:r>
              <a:rPr lang="en-US" altLang="ja-JP"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6</a:t>
            </a: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号）</a:t>
            </a:r>
            <a:endParaRPr lang="en-US" altLang="ja-JP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endParaRPr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51"/>
  <sheetViews>
    <sheetView tabSelected="1" zoomScaleNormal="100" workbookViewId="0">
      <selection activeCell="D33" sqref="D33"/>
    </sheetView>
  </sheetViews>
  <sheetFormatPr defaultColWidth="9" defaultRowHeight="13.2"/>
  <cols>
    <col min="1" max="1" width="5.6640625" style="1" customWidth="1"/>
    <col min="2" max="2" width="8.5546875" style="1" customWidth="1"/>
    <col min="3" max="3" width="10.21875" style="1" customWidth="1"/>
    <col min="4" max="4" width="21.77734375" style="1" customWidth="1"/>
    <col min="5" max="10" width="9.88671875" style="1" customWidth="1"/>
    <col min="11" max="16384" width="9" style="1"/>
  </cols>
  <sheetData>
    <row r="1" spans="1:10" ht="18">
      <c r="H1" s="4"/>
      <c r="I1" s="4"/>
      <c r="J1" s="3"/>
    </row>
    <row r="2" spans="1:10" ht="19.05" customHeight="1">
      <c r="A2" s="52" t="s">
        <v>21</v>
      </c>
      <c r="B2" s="52"/>
      <c r="C2" s="52"/>
      <c r="D2" s="52"/>
      <c r="E2" s="52"/>
      <c r="F2" s="52"/>
      <c r="G2" s="52"/>
      <c r="H2" s="52"/>
      <c r="I2" s="52"/>
      <c r="J2" s="52"/>
    </row>
    <row r="3" spans="1:10" ht="15" customHeight="1">
      <c r="A3" s="2"/>
      <c r="B3" s="2"/>
      <c r="C3" s="2"/>
      <c r="D3" s="2"/>
      <c r="E3" s="2"/>
      <c r="F3" s="2"/>
      <c r="G3" s="2"/>
      <c r="H3" s="2"/>
      <c r="I3" s="2"/>
      <c r="J3" s="2"/>
    </row>
    <row r="4" spans="1:10" ht="18" customHeight="1">
      <c r="A4" s="6" t="s">
        <v>19</v>
      </c>
      <c r="B4" s="7"/>
      <c r="C4" s="7"/>
      <c r="D4" s="7"/>
      <c r="E4" s="7"/>
      <c r="F4" s="7"/>
      <c r="G4" s="7"/>
      <c r="H4" s="7"/>
      <c r="I4" s="7"/>
      <c r="J4" s="7"/>
    </row>
    <row r="5" spans="1:10" ht="18" customHeight="1">
      <c r="A5" s="6" t="s">
        <v>39</v>
      </c>
      <c r="B5" s="7"/>
      <c r="C5" s="7"/>
      <c r="D5" s="7"/>
      <c r="E5" s="7"/>
      <c r="F5" s="7"/>
      <c r="G5" s="7"/>
      <c r="H5" s="7"/>
      <c r="I5" s="7"/>
      <c r="J5" s="7"/>
    </row>
    <row r="6" spans="1:10" ht="18" customHeight="1">
      <c r="A6" s="6" t="s">
        <v>23</v>
      </c>
      <c r="B6" s="7"/>
      <c r="C6" s="7"/>
      <c r="D6" s="7"/>
      <c r="E6" s="7"/>
      <c r="F6" s="7"/>
      <c r="G6" s="7"/>
      <c r="H6" s="7"/>
      <c r="I6" s="7"/>
      <c r="J6" s="7"/>
    </row>
    <row r="7" spans="1:10" ht="18" customHeight="1">
      <c r="A7" s="6" t="s">
        <v>20</v>
      </c>
      <c r="B7" s="7"/>
      <c r="C7" s="7"/>
      <c r="D7" s="7"/>
      <c r="E7" s="7"/>
      <c r="F7" s="7"/>
      <c r="G7" s="7"/>
      <c r="H7" s="7"/>
      <c r="I7" s="7"/>
      <c r="J7" s="7"/>
    </row>
    <row r="8" spans="1:10" ht="18" customHeight="1">
      <c r="A8" s="47" t="s">
        <v>42</v>
      </c>
      <c r="B8" s="7"/>
      <c r="C8" s="7"/>
      <c r="D8" s="7"/>
      <c r="E8" s="7"/>
      <c r="F8" s="7"/>
      <c r="G8" s="7"/>
      <c r="H8" s="7"/>
      <c r="I8" s="7"/>
      <c r="J8" s="7"/>
    </row>
    <row r="9" spans="1:10" ht="7.5" customHeight="1" thickBot="1">
      <c r="A9" s="8"/>
      <c r="B9" s="8"/>
      <c r="C9" s="8"/>
      <c r="D9" s="8"/>
      <c r="E9" s="8"/>
      <c r="F9" s="8"/>
      <c r="G9" s="8"/>
      <c r="H9" s="8"/>
      <c r="I9" s="8"/>
      <c r="J9" s="8"/>
    </row>
    <row r="10" spans="1:10" ht="26.4" customHeight="1">
      <c r="A10" s="53" t="s">
        <v>0</v>
      </c>
      <c r="B10" s="54"/>
      <c r="C10" s="54"/>
      <c r="D10" s="55"/>
      <c r="E10" s="56"/>
      <c r="F10" s="56"/>
      <c r="G10" s="56"/>
      <c r="H10" s="56"/>
      <c r="I10" s="56"/>
      <c r="J10" s="57"/>
    </row>
    <row r="11" spans="1:10" ht="26.4" customHeight="1">
      <c r="A11" s="48" t="s">
        <v>2</v>
      </c>
      <c r="B11" s="49"/>
      <c r="C11" s="49"/>
      <c r="D11" s="58"/>
      <c r="E11" s="59"/>
      <c r="F11" s="42" t="s">
        <v>37</v>
      </c>
      <c r="G11" s="60" t="s">
        <v>38</v>
      </c>
      <c r="H11" s="61"/>
      <c r="I11" s="61"/>
      <c r="J11" s="62"/>
    </row>
    <row r="12" spans="1:10" ht="26.4" customHeight="1">
      <c r="A12" s="48" t="s">
        <v>10</v>
      </c>
      <c r="B12" s="49"/>
      <c r="C12" s="49"/>
      <c r="D12" s="50" t="s">
        <v>5</v>
      </c>
      <c r="E12" s="50"/>
      <c r="F12" s="50"/>
      <c r="G12" s="50"/>
      <c r="H12" s="50"/>
      <c r="I12" s="50"/>
      <c r="J12" s="51"/>
    </row>
    <row r="13" spans="1:10" ht="26.4" customHeight="1">
      <c r="A13" s="48" t="s">
        <v>12</v>
      </c>
      <c r="B13" s="49"/>
      <c r="C13" s="49"/>
      <c r="D13" s="50" t="s">
        <v>5</v>
      </c>
      <c r="E13" s="50"/>
      <c r="F13" s="50"/>
      <c r="G13" s="50"/>
      <c r="H13" s="50"/>
      <c r="I13" s="50"/>
      <c r="J13" s="51"/>
    </row>
    <row r="14" spans="1:10" ht="26.4" customHeight="1">
      <c r="A14" s="48" t="s">
        <v>7</v>
      </c>
      <c r="B14" s="49"/>
      <c r="C14" s="49"/>
      <c r="D14" s="60" t="s">
        <v>36</v>
      </c>
      <c r="E14" s="61"/>
      <c r="F14" s="45" t="s">
        <v>31</v>
      </c>
      <c r="G14" s="43"/>
      <c r="H14" s="43"/>
      <c r="I14" s="43"/>
      <c r="J14" s="44"/>
    </row>
    <row r="15" spans="1:10" ht="26.4" customHeight="1">
      <c r="A15" s="48" t="s">
        <v>8</v>
      </c>
      <c r="B15" s="49"/>
      <c r="C15" s="49"/>
      <c r="D15" s="60" t="s">
        <v>34</v>
      </c>
      <c r="E15" s="61"/>
      <c r="F15" s="45" t="s">
        <v>32</v>
      </c>
      <c r="G15" s="43"/>
      <c r="H15" s="43"/>
      <c r="I15" s="43"/>
      <c r="J15" s="44"/>
    </row>
    <row r="16" spans="1:10" ht="26.4" customHeight="1">
      <c r="A16" s="63" t="s">
        <v>9</v>
      </c>
      <c r="B16" s="59"/>
      <c r="C16" s="64"/>
      <c r="D16" s="60" t="s">
        <v>35</v>
      </c>
      <c r="E16" s="61"/>
      <c r="F16" s="45" t="s">
        <v>33</v>
      </c>
      <c r="G16" s="43"/>
      <c r="H16" s="43"/>
      <c r="I16" s="43"/>
      <c r="J16" s="44"/>
    </row>
    <row r="17" spans="1:10" ht="26.4" customHeight="1">
      <c r="A17" s="48" t="s">
        <v>11</v>
      </c>
      <c r="B17" s="49"/>
      <c r="C17" s="49"/>
      <c r="D17" s="65" t="s">
        <v>30</v>
      </c>
      <c r="E17" s="66"/>
      <c r="F17" s="66"/>
      <c r="G17" s="66"/>
      <c r="H17" s="66"/>
      <c r="I17" s="66"/>
      <c r="J17" s="67"/>
    </row>
    <row r="18" spans="1:10" ht="26.4" customHeight="1">
      <c r="A18" s="78" t="s">
        <v>29</v>
      </c>
      <c r="B18" s="72" t="s">
        <v>41</v>
      </c>
      <c r="C18" s="81"/>
      <c r="D18" s="83" t="s">
        <v>3</v>
      </c>
      <c r="E18" s="72" t="s">
        <v>27</v>
      </c>
      <c r="F18" s="73"/>
      <c r="G18" s="81"/>
      <c r="H18" s="72" t="s">
        <v>24</v>
      </c>
      <c r="I18" s="73"/>
      <c r="J18" s="74"/>
    </row>
    <row r="19" spans="1:10" ht="26.4" customHeight="1">
      <c r="A19" s="79"/>
      <c r="B19" s="75"/>
      <c r="C19" s="82"/>
      <c r="D19" s="84"/>
      <c r="E19" s="68" t="s">
        <v>28</v>
      </c>
      <c r="F19" s="69"/>
      <c r="G19" s="70"/>
      <c r="H19" s="75"/>
      <c r="I19" s="76"/>
      <c r="J19" s="77"/>
    </row>
    <row r="20" spans="1:10" ht="26.4" customHeight="1">
      <c r="A20" s="79"/>
      <c r="B20" s="65" t="s">
        <v>25</v>
      </c>
      <c r="C20" s="71"/>
      <c r="D20" s="9" t="s">
        <v>26</v>
      </c>
      <c r="E20" s="12"/>
      <c r="F20" s="13" t="s">
        <v>16</v>
      </c>
      <c r="G20" s="14"/>
      <c r="H20" s="12"/>
      <c r="I20" s="13" t="s">
        <v>16</v>
      </c>
      <c r="J20" s="15"/>
    </row>
    <row r="21" spans="1:10" ht="26.4" customHeight="1">
      <c r="A21" s="79"/>
      <c r="B21" s="65" t="s">
        <v>25</v>
      </c>
      <c r="C21" s="71"/>
      <c r="D21" s="9" t="s">
        <v>26</v>
      </c>
      <c r="E21" s="16"/>
      <c r="F21" s="13" t="s">
        <v>16</v>
      </c>
      <c r="G21" s="14"/>
      <c r="H21" s="12"/>
      <c r="I21" s="13" t="s">
        <v>16</v>
      </c>
      <c r="J21" s="15"/>
    </row>
    <row r="22" spans="1:10" ht="26.4" customHeight="1">
      <c r="A22" s="79"/>
      <c r="B22" s="65" t="s">
        <v>25</v>
      </c>
      <c r="C22" s="71"/>
      <c r="D22" s="9" t="s">
        <v>26</v>
      </c>
      <c r="E22" s="16"/>
      <c r="F22" s="13" t="s">
        <v>16</v>
      </c>
      <c r="G22" s="14"/>
      <c r="H22" s="12"/>
      <c r="I22" s="13" t="s">
        <v>16</v>
      </c>
      <c r="J22" s="15"/>
    </row>
    <row r="23" spans="1:10" ht="26.4" customHeight="1">
      <c r="A23" s="79"/>
      <c r="B23" s="65" t="s">
        <v>25</v>
      </c>
      <c r="C23" s="71"/>
      <c r="D23" s="9" t="s">
        <v>26</v>
      </c>
      <c r="E23" s="16"/>
      <c r="F23" s="13" t="s">
        <v>16</v>
      </c>
      <c r="G23" s="14"/>
      <c r="H23" s="12"/>
      <c r="I23" s="13" t="s">
        <v>16</v>
      </c>
      <c r="J23" s="17"/>
    </row>
    <row r="24" spans="1:10" ht="26.4" customHeight="1">
      <c r="A24" s="79"/>
      <c r="B24" s="65" t="s">
        <v>25</v>
      </c>
      <c r="C24" s="71"/>
      <c r="D24" s="9" t="s">
        <v>26</v>
      </c>
      <c r="E24" s="12"/>
      <c r="F24" s="13" t="s">
        <v>16</v>
      </c>
      <c r="G24" s="14"/>
      <c r="H24" s="12"/>
      <c r="I24" s="13" t="s">
        <v>16</v>
      </c>
      <c r="J24" s="18"/>
    </row>
    <row r="25" spans="1:10" ht="26.4" customHeight="1">
      <c r="A25" s="79"/>
      <c r="B25" s="65" t="s">
        <v>25</v>
      </c>
      <c r="C25" s="71"/>
      <c r="D25" s="9" t="s">
        <v>26</v>
      </c>
      <c r="E25" s="19"/>
      <c r="F25" s="13" t="s">
        <v>16</v>
      </c>
      <c r="G25" s="14"/>
      <c r="H25" s="20"/>
      <c r="I25" s="13" t="s">
        <v>16</v>
      </c>
      <c r="J25" s="15"/>
    </row>
    <row r="26" spans="1:10" ht="26.4" customHeight="1">
      <c r="A26" s="79"/>
      <c r="B26" s="65" t="s">
        <v>25</v>
      </c>
      <c r="C26" s="71"/>
      <c r="D26" s="9" t="s">
        <v>26</v>
      </c>
      <c r="E26" s="21"/>
      <c r="F26" s="13" t="s">
        <v>16</v>
      </c>
      <c r="G26" s="22"/>
      <c r="H26" s="16"/>
      <c r="I26" s="13" t="s">
        <v>16</v>
      </c>
      <c r="J26" s="18"/>
    </row>
    <row r="27" spans="1:10" ht="26.4" customHeight="1">
      <c r="A27" s="79"/>
      <c r="B27" s="65" t="s">
        <v>25</v>
      </c>
      <c r="C27" s="71"/>
      <c r="D27" s="9" t="s">
        <v>26</v>
      </c>
      <c r="E27" s="10"/>
      <c r="F27" s="13" t="s">
        <v>16</v>
      </c>
      <c r="G27" s="23"/>
      <c r="H27" s="12"/>
      <c r="I27" s="13" t="s">
        <v>16</v>
      </c>
      <c r="J27" s="15"/>
    </row>
    <row r="28" spans="1:10" ht="26.4" customHeight="1">
      <c r="A28" s="79"/>
      <c r="B28" s="65" t="s">
        <v>25</v>
      </c>
      <c r="C28" s="71"/>
      <c r="D28" s="9" t="s">
        <v>26</v>
      </c>
      <c r="E28" s="10"/>
      <c r="F28" s="13" t="s">
        <v>16</v>
      </c>
      <c r="G28" s="23"/>
      <c r="H28" s="12"/>
      <c r="I28" s="13" t="s">
        <v>16</v>
      </c>
      <c r="J28" s="15"/>
    </row>
    <row r="29" spans="1:10" ht="26.4" customHeight="1">
      <c r="A29" s="79"/>
      <c r="B29" s="65" t="s">
        <v>25</v>
      </c>
      <c r="C29" s="71"/>
      <c r="D29" s="9" t="s">
        <v>26</v>
      </c>
      <c r="E29" s="10"/>
      <c r="F29" s="13" t="s">
        <v>16</v>
      </c>
      <c r="G29" s="23"/>
      <c r="H29" s="12"/>
      <c r="I29" s="13" t="s">
        <v>16</v>
      </c>
      <c r="J29" s="15"/>
    </row>
    <row r="30" spans="1:10" ht="26.4" customHeight="1">
      <c r="A30" s="79"/>
      <c r="B30" s="65" t="s">
        <v>25</v>
      </c>
      <c r="C30" s="71"/>
      <c r="D30" s="9" t="s">
        <v>26</v>
      </c>
      <c r="E30" s="19"/>
      <c r="F30" s="13" t="s">
        <v>16</v>
      </c>
      <c r="G30" s="14"/>
      <c r="H30" s="12"/>
      <c r="I30" s="13" t="s">
        <v>16</v>
      </c>
      <c r="J30" s="15"/>
    </row>
    <row r="31" spans="1:10" ht="26.4" customHeight="1">
      <c r="A31" s="79"/>
      <c r="B31" s="65" t="s">
        <v>25</v>
      </c>
      <c r="C31" s="71"/>
      <c r="D31" s="9" t="s">
        <v>26</v>
      </c>
      <c r="E31" s="19"/>
      <c r="F31" s="13" t="s">
        <v>16</v>
      </c>
      <c r="G31" s="14"/>
      <c r="H31" s="12"/>
      <c r="I31" s="13" t="s">
        <v>16</v>
      </c>
      <c r="J31" s="15"/>
    </row>
    <row r="32" spans="1:10" ht="26.4" customHeight="1">
      <c r="A32" s="79"/>
      <c r="B32" s="65" t="s">
        <v>25</v>
      </c>
      <c r="C32" s="71"/>
      <c r="D32" s="9" t="s">
        <v>26</v>
      </c>
      <c r="E32" s="19"/>
      <c r="F32" s="13" t="s">
        <v>16</v>
      </c>
      <c r="G32" s="14"/>
      <c r="H32" s="12"/>
      <c r="I32" s="13" t="s">
        <v>16</v>
      </c>
      <c r="J32" s="15"/>
    </row>
    <row r="33" spans="1:10" ht="26.4" customHeight="1">
      <c r="A33" s="79"/>
      <c r="B33" s="65" t="s">
        <v>25</v>
      </c>
      <c r="C33" s="71"/>
      <c r="D33" s="9" t="s">
        <v>26</v>
      </c>
      <c r="E33" s="12"/>
      <c r="F33" s="13" t="s">
        <v>16</v>
      </c>
      <c r="G33" s="14"/>
      <c r="H33" s="24"/>
      <c r="I33" s="13" t="s">
        <v>16</v>
      </c>
      <c r="J33" s="25"/>
    </row>
    <row r="34" spans="1:10" ht="26.4" customHeight="1">
      <c r="A34" s="80"/>
      <c r="B34" s="89" t="s">
        <v>4</v>
      </c>
      <c r="C34" s="90"/>
      <c r="D34" s="90"/>
      <c r="E34" s="26"/>
      <c r="F34" s="13" t="s">
        <v>16</v>
      </c>
      <c r="G34" s="27"/>
      <c r="H34" s="28"/>
      <c r="I34" s="13" t="s">
        <v>16</v>
      </c>
      <c r="J34" s="11"/>
    </row>
    <row r="35" spans="1:10" ht="12" customHeight="1">
      <c r="A35" s="29"/>
      <c r="B35" s="30"/>
      <c r="C35" s="30"/>
      <c r="D35" s="30"/>
      <c r="E35" s="31"/>
      <c r="F35" s="31"/>
      <c r="G35" s="31"/>
      <c r="H35" s="31"/>
      <c r="I35" s="32"/>
      <c r="J35" s="33"/>
    </row>
    <row r="36" spans="1:10" ht="18" customHeight="1">
      <c r="A36" s="34"/>
      <c r="B36" s="35" t="s">
        <v>1</v>
      </c>
      <c r="C36" s="35"/>
      <c r="D36" s="36"/>
      <c r="E36" s="36"/>
      <c r="F36" s="36"/>
      <c r="G36" s="36"/>
      <c r="H36" s="36"/>
      <c r="I36" s="36"/>
      <c r="J36" s="17"/>
    </row>
    <row r="37" spans="1:10" ht="7.5" customHeight="1">
      <c r="A37" s="34"/>
      <c r="B37" s="37"/>
      <c r="C37" s="36"/>
      <c r="D37" s="36"/>
      <c r="E37" s="36"/>
      <c r="F37" s="36"/>
      <c r="G37" s="36"/>
      <c r="H37" s="36"/>
      <c r="I37" s="36"/>
      <c r="J37" s="17"/>
    </row>
    <row r="38" spans="1:10" s="5" customFormat="1" ht="18" customHeight="1">
      <c r="A38" s="38"/>
      <c r="B38" s="37" t="s">
        <v>14</v>
      </c>
      <c r="C38" s="35"/>
      <c r="D38" s="37"/>
      <c r="E38" s="37"/>
      <c r="F38" s="37"/>
      <c r="G38" s="37"/>
      <c r="H38" s="37"/>
      <c r="I38" s="37"/>
      <c r="J38" s="39"/>
    </row>
    <row r="39" spans="1:10" s="5" customFormat="1" ht="9.4499999999999993" customHeight="1">
      <c r="A39" s="38"/>
      <c r="B39" s="37"/>
      <c r="C39" s="35"/>
      <c r="D39" s="37"/>
      <c r="E39" s="37"/>
      <c r="F39" s="37"/>
      <c r="G39" s="37"/>
      <c r="H39" s="37"/>
      <c r="I39" s="37"/>
      <c r="J39" s="39"/>
    </row>
    <row r="40" spans="1:10" s="5" customFormat="1" ht="23.1" customHeight="1">
      <c r="A40" s="38"/>
      <c r="B40" s="37" t="s">
        <v>15</v>
      </c>
      <c r="C40" s="37"/>
      <c r="D40" s="37"/>
      <c r="E40" s="37" t="s">
        <v>6</v>
      </c>
      <c r="F40" s="37"/>
      <c r="G40" s="37"/>
      <c r="H40" s="37"/>
      <c r="I40" s="37"/>
      <c r="J40" s="39"/>
    </row>
    <row r="41" spans="1:10" s="5" customFormat="1" ht="23.1" customHeight="1">
      <c r="A41" s="38"/>
      <c r="B41" s="37"/>
      <c r="C41" s="37"/>
      <c r="D41" s="37"/>
      <c r="E41" s="37" t="s">
        <v>18</v>
      </c>
      <c r="F41" s="37"/>
      <c r="G41" s="37"/>
      <c r="H41" s="37"/>
      <c r="I41" s="37"/>
      <c r="J41" s="39"/>
    </row>
    <row r="42" spans="1:10" s="5" customFormat="1" ht="23.1" customHeight="1">
      <c r="A42" s="38"/>
      <c r="B42" s="37"/>
      <c r="C42" s="37"/>
      <c r="D42" s="37"/>
      <c r="E42" s="37" t="s">
        <v>40</v>
      </c>
      <c r="F42" s="37"/>
      <c r="G42" s="37"/>
      <c r="H42" s="37"/>
      <c r="I42" s="37"/>
      <c r="J42" s="39"/>
    </row>
    <row r="43" spans="1:10" s="5" customFormat="1" ht="23.1" customHeight="1">
      <c r="A43" s="38"/>
      <c r="B43" s="37"/>
      <c r="C43" s="37"/>
      <c r="D43" s="37"/>
      <c r="E43" s="37" t="s">
        <v>13</v>
      </c>
      <c r="F43" s="37"/>
      <c r="G43" s="37"/>
      <c r="H43" s="37"/>
      <c r="I43" s="21" t="s">
        <v>17</v>
      </c>
      <c r="J43" s="46" t="s">
        <v>22</v>
      </c>
    </row>
    <row r="44" spans="1:10" s="5" customFormat="1" ht="13.5" customHeight="1" thickBot="1">
      <c r="A44" s="40"/>
      <c r="B44" s="41"/>
      <c r="C44" s="41"/>
      <c r="D44" s="41"/>
      <c r="E44" s="41"/>
      <c r="F44" s="85"/>
      <c r="G44" s="85"/>
      <c r="H44" s="85"/>
      <c r="I44" s="85"/>
      <c r="J44" s="86"/>
    </row>
    <row r="45" spans="1:10" s="5" customFormat="1" ht="18" customHeight="1"/>
    <row r="46" spans="1:10" s="5" customFormat="1" ht="18" customHeight="1">
      <c r="F46" s="87"/>
      <c r="G46" s="88"/>
      <c r="H46" s="88"/>
      <c r="I46" s="88"/>
      <c r="J46" s="88"/>
    </row>
    <row r="47" spans="1:10" s="5" customFormat="1" ht="18" customHeight="1"/>
    <row r="48" spans="1:10" s="5" customFormat="1"/>
    <row r="49" s="5" customFormat="1"/>
    <row r="50" s="5" customFormat="1"/>
    <row r="51" s="5" customFormat="1"/>
  </sheetData>
  <mergeCells count="41">
    <mergeCell ref="F44:J44"/>
    <mergeCell ref="B25:C25"/>
    <mergeCell ref="B26:C26"/>
    <mergeCell ref="F46:J46"/>
    <mergeCell ref="B27:C27"/>
    <mergeCell ref="B28:C28"/>
    <mergeCell ref="B29:C29"/>
    <mergeCell ref="B30:C30"/>
    <mergeCell ref="B31:C31"/>
    <mergeCell ref="B32:C32"/>
    <mergeCell ref="B33:C33"/>
    <mergeCell ref="B34:D34"/>
    <mergeCell ref="B22:C22"/>
    <mergeCell ref="H18:J19"/>
    <mergeCell ref="A18:A34"/>
    <mergeCell ref="B23:C23"/>
    <mergeCell ref="B24:C24"/>
    <mergeCell ref="B18:C19"/>
    <mergeCell ref="D18:D19"/>
    <mergeCell ref="E18:G18"/>
    <mergeCell ref="A17:C17"/>
    <mergeCell ref="D17:J17"/>
    <mergeCell ref="E19:G19"/>
    <mergeCell ref="B20:C20"/>
    <mergeCell ref="B21:C21"/>
    <mergeCell ref="A15:C15"/>
    <mergeCell ref="A16:C16"/>
    <mergeCell ref="A13:C13"/>
    <mergeCell ref="D14:E14"/>
    <mergeCell ref="D15:E15"/>
    <mergeCell ref="D16:E16"/>
    <mergeCell ref="A12:C12"/>
    <mergeCell ref="D12:J12"/>
    <mergeCell ref="D13:J13"/>
    <mergeCell ref="A14:C14"/>
    <mergeCell ref="A2:J2"/>
    <mergeCell ref="A10:C10"/>
    <mergeCell ref="D10:J10"/>
    <mergeCell ref="A11:C11"/>
    <mergeCell ref="D11:E11"/>
    <mergeCell ref="G11:J11"/>
  </mergeCells>
  <phoneticPr fontId="1"/>
  <pageMargins left="0.78740157480314965" right="0.78740157480314965" top="0.39370078740157483" bottom="0" header="0.31496062992125984" footer="0.31496062992125984"/>
  <pageSetup paperSize="9" scale="81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給与等支払証明書</vt:lpstr>
      <vt:lpstr>給与等支払証明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田 みづき</dc:creator>
  <cp:lastModifiedBy>user</cp:lastModifiedBy>
  <cp:lastPrinted>2024-07-30T23:39:41Z</cp:lastPrinted>
  <dcterms:created xsi:type="dcterms:W3CDTF">1997-01-08T22:48:59Z</dcterms:created>
  <dcterms:modified xsi:type="dcterms:W3CDTF">2025-08-28T06:11:39Z</dcterms:modified>
</cp:coreProperties>
</file>